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98" d="100"/>
          <a:sy n="98" d="100"/>
        </p:scale>
        <p:origin x="1092" y="-6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ennep/"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9979236E-FD41-DE6B-73D8-2D76A5B103E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2166" y="4560411"/>
            <a:ext cx="2221902" cy="206192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logo&#10;&#10;Automatisch gegenereerde beschrijving">
            <a:extLst>
              <a:ext uri="{FF2B5EF4-FFF2-40B4-BE49-F238E27FC236}">
                <a16:creationId xmlns:a16="http://schemas.microsoft.com/office/drawing/2014/main" id="{BD228331-DA2A-C93B-BF30-BB363BB9D99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0968" y="3849413"/>
            <a:ext cx="1573903" cy="146058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28T11:42:28Z</dcterms:modified>
</cp:coreProperties>
</file>